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8-4-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8-4-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ilvarenbeek/"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ogo, Lettertype, symbool&#10;&#10;Automatisch gegenereerde beschrijving">
            <a:extLst>
              <a:ext uri="{FF2B5EF4-FFF2-40B4-BE49-F238E27FC236}">
                <a16:creationId xmlns:a16="http://schemas.microsoft.com/office/drawing/2014/main" id="{0A206756-FE41-F264-2F51-63D5B6979E3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90570" y="4495521"/>
            <a:ext cx="3121062" cy="2084870"/>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ogo, Lettertype, symbool&#10;&#10;Automatisch gegenereerde beschrijving">
            <a:extLst>
              <a:ext uri="{FF2B5EF4-FFF2-40B4-BE49-F238E27FC236}">
                <a16:creationId xmlns:a16="http://schemas.microsoft.com/office/drawing/2014/main" id="{4A793768-0E00-E5D2-136F-B4E2016A8F15}"/>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21750" y="3847785"/>
            <a:ext cx="2188935"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4-08T15:09:31Z</dcterms:modified>
</cp:coreProperties>
</file>